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4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105581\Desktop\工業技術検証制度運営委員会\02_第1回運営委員会・学校担当者会\3_顕彰前期申請書類\"/>
    </mc:Choice>
  </mc:AlternateContent>
  <xr:revisionPtr revIDLastSave="0" documentId="13_ncr:1_{F40BFD56-7C57-46A9-BB76-23934427C6AF}" xr6:coauthVersionLast="47" xr6:coauthVersionMax="47" xr10:uidLastSave="{00000000-0000-0000-0000-000000000000}"/>
  <bookViews>
    <workbookView xWindow="-120" yWindow="-120" windowWidth="19440" windowHeight="14880" xr2:uid="{00000000-000D-0000-FFFF-FFFF00000000}"/>
  </bookViews>
  <sheets>
    <sheet name="様式１" sheetId="1" r:id="rId1"/>
  </sheets>
  <definedNames>
    <definedName name="ＡＩ・ＤＤ総合種">#REF!</definedName>
    <definedName name="AV情報家電">#REF!</definedName>
    <definedName name="CAD利用技術者">#REF!</definedName>
    <definedName name="ＣＧエンジニア検定">#REF!</definedName>
    <definedName name="CGクリエイタ検定">#REF!</definedName>
    <definedName name="ITパスポート">#REF!</definedName>
    <definedName name="KYK溶接技能コンクール">#REF!</definedName>
    <definedName name="_xlnm.Print_Area" localSheetId="0">様式１!$A$1:$J$38</definedName>
    <definedName name="Ｘ線作業主任者">#REF!</definedName>
    <definedName name="アーク溶接_特別教育">#REF!</definedName>
    <definedName name="アマチュア無線技士">#REF!</definedName>
    <definedName name="インテリアコーディネータ">#REF!</definedName>
    <definedName name="インテリア設計士補">#REF!</definedName>
    <definedName name="ガス溶接技能講習">#REF!</definedName>
    <definedName name="ガソリンエンジン整備士">#REF!</definedName>
    <definedName name="カラーコーディネータ検定">#REF!</definedName>
    <definedName name="グラフィックデザイン_ＤＴＰ検定">#REF!</definedName>
    <definedName name="クレーン運転">#REF!</definedName>
    <definedName name="シャーシ整備士">#REF!</definedName>
    <definedName name="その他の技能検定_申請時種別報告">#REF!</definedName>
    <definedName name="その他の技能講習_申請時種別報告">#REF!</definedName>
    <definedName name="その他の特別教育_申請時種別報告">#REF!</definedName>
    <definedName name="ディーゼルエンジン整備士">#REF!</definedName>
    <definedName name="ディジタル技術検定">#REF!</definedName>
    <definedName name="デザインパテントコンテスト">#REF!</definedName>
    <definedName name="トレース技能検定">#REF!</definedName>
    <definedName name="パソコン利用技術検定">#REF!</definedName>
    <definedName name="パソコン利用者認定_PAT認定試験・Ｐ検">#REF!</definedName>
    <definedName name="パテントコンテスト">#REF!</definedName>
    <definedName name="ビジネスコミュニケーション検定">#REF!</definedName>
    <definedName name="フォークリフト">#REF!</definedName>
    <definedName name="プロジェクトワイルド">#REF!</definedName>
    <definedName name="プロダクトデザインコンテスト３D">#REF!</definedName>
    <definedName name="ボイラー技士_日本ボイラー協会">#REF!</definedName>
    <definedName name="マルチメディア検定">#REF!</definedName>
    <definedName name="ものづくりコンテスト">#REF!</definedName>
    <definedName name="ラジオ・音響技能検定">#REF!</definedName>
    <definedName name="リスニング英語検定">#REF!</definedName>
    <definedName name="レーダー級海上特殊無線技士">#REF!</definedName>
    <definedName name="レタリング技能検定">#REF!</definedName>
    <definedName name="ワープロ検定">#REF!</definedName>
    <definedName name="英語検定">#REF!</definedName>
    <definedName name="応用情報技術者試験">#REF!</definedName>
    <definedName name="家庭科技術検定">#REF!</definedName>
    <definedName name="火薬類取扱保安責任者">#REF!</definedName>
    <definedName name="海上特殊無線技士">#REF!</definedName>
    <definedName name="海上無線通信士">#REF!</definedName>
    <definedName name="環境社会検定試験_eco検定">#REF!</definedName>
    <definedName name="危険物取扱者">#REF!</definedName>
    <definedName name="基本情報技術者試験">#REF!</definedName>
    <definedName name="技能検定_機械加工">#REF!</definedName>
    <definedName name="技能検定_金属熱処理">#REF!</definedName>
    <definedName name="技能検定_電気機器組立シーケンス制御">#REF!</definedName>
    <definedName name="技能検定_電子機器組立">#REF!</definedName>
    <definedName name="技能五輪全国大会">#REF!</definedName>
    <definedName name="玉掛け">#REF!</definedName>
    <definedName name="計算技術検定_全工協">#REF!</definedName>
    <definedName name="計算技術兵庫県大会">#REF!</definedName>
    <definedName name="建築甲子園">#REF!</definedName>
    <definedName name="建築専門分科会で承認された大会">#REF!</definedName>
    <definedName name="公害防止管理者">#REF!</definedName>
    <definedName name="工業英語検定">#REF!</definedName>
    <definedName name="工業部会_実習安全ポスター・標語">#REF!</definedName>
    <definedName name="工事担任者_AI種">#REF!</definedName>
    <definedName name="工事担任者_DD種">#REF!</definedName>
    <definedName name="航空特殊無線技士">#REF!</definedName>
    <definedName name="航空無線通信士">#REF!</definedName>
    <definedName name="高圧ガス保安責任者">#REF!</definedName>
    <definedName name="高校生技術・アイディアコンテスト全国大会">#REF!</definedName>
    <definedName name="高所作業車_特別教育">#REF!</definedName>
    <definedName name="国内電信級陸上特殊無線技士">#REF!</definedName>
    <definedName name="酸素欠乏・硫化水素危険作業主任者_技能講習">#REF!</definedName>
    <definedName name="実用数学技能検定">#REF!</definedName>
    <definedName name="初級CAD検定_全工協">#REF!</definedName>
    <definedName name="小型移動式クレーン運転_技能講習_１ｔ以上５ｔ未満">#REF!</definedName>
    <definedName name="小型車輌系建設機械_特別教育">#REF!</definedName>
    <definedName name="床上操作式クレーン運転_技能講習">#REF!</definedName>
    <definedName name="消防設備士">#REF!</definedName>
    <definedName name="情報技術検定_全工協">#REF!</definedName>
    <definedName name="情報処理技能検定_日検">#REF!</definedName>
    <definedName name="情報処理検定">#REF!</definedName>
    <definedName name="生活家電">#REF!</definedName>
    <definedName name="製図コンクール_全工協・機械系">#REF!</definedName>
    <definedName name="製図コンクール_全工協・電気系">#REF!</definedName>
    <definedName name="製図コンクール_土木・建築部会">#REF!</definedName>
    <definedName name="製図検定_全工協">#REF!</definedName>
    <definedName name="石綿作業主任者_技能講習">#REF!</definedName>
    <definedName name="全国レベルの建築設計競技等">#REF!</definedName>
    <definedName name="全国高等学校建築製図コンクール">#REF!</definedName>
    <definedName name="総合無線通信士">#REF!</definedName>
    <definedName name="測量技術検定">#REF!</definedName>
    <definedName name="測量士_補">#REF!</definedName>
    <definedName name="締め固め用機械_ローラ_特別教育">#REF!</definedName>
    <definedName name="電気工事士">#REF!</definedName>
    <definedName name="電気施工技術者">#REF!</definedName>
    <definedName name="電気主任技術者">#REF!</definedName>
    <definedName name="電気通信主任技術者">#REF!</definedName>
    <definedName name="特定化学物質等作業主任者_技能講習">#REF!</definedName>
    <definedName name="毒物劇物取扱責任者">#REF!</definedName>
    <definedName name="二級管工事施工管理技術検定">#REF!</definedName>
    <definedName name="二級建築施工管理技術検定">#REF!</definedName>
    <definedName name="二級造園施工管理技術検定">#REF!</definedName>
    <definedName name="二級土木施工管理技術検定">#REF!</definedName>
    <definedName name="日本漢字能力検定">#REF!</definedName>
    <definedName name="日本大学全国高等学校建築設計競技">#REF!</definedName>
    <definedName name="品質管理検定">#REF!</definedName>
    <definedName name="福祉住環境コーディネータ検定">#REF!</definedName>
    <definedName name="簿記検定">#REF!</definedName>
    <definedName name="有機溶剤作業主任者_技能講習">#REF!</definedName>
    <definedName name="溶接技能者評価試験_JISステンレス鋼">#REF!</definedName>
    <definedName name="溶接技能者評価試験_JIS手溶接アーク">#REF!</definedName>
    <definedName name="溶接技能者評価試験_JIS半自動溶接アーク">#REF!</definedName>
    <definedName name="溶接工技量検定">#REF!</definedName>
    <definedName name="陸上特殊無線技士">#REF!</definedName>
    <definedName name="陸上無線技士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C38" i="1" l="1"/>
  <c r="F38" i="1"/>
  <c r="I38" i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兵庫県教育委員会</author>
  </authors>
  <commentList>
    <comment ref="H2" authorId="0" shapeId="0" xr:uid="{00000000-0006-0000-0000-000002000000}">
      <text>
        <r>
          <rPr>
            <sz val="12"/>
            <color indexed="81"/>
            <rFont val="ＭＳ Ｐゴシック"/>
            <family val="3"/>
            <charset val="128"/>
          </rPr>
          <t>前期・後期申請ともに必要です</t>
        </r>
      </text>
    </comment>
    <comment ref="H27" authorId="0" shapeId="0" xr:uid="{00000000-0006-0000-0000-000004000000}">
      <text>
        <r>
          <rPr>
            <sz val="12"/>
            <color indexed="81"/>
            <rFont val="ＭＳ Ｐゴシック"/>
            <family val="3"/>
            <charset val="128"/>
          </rPr>
          <t>学科名と、その学科の候補者数です
生徒の個人名ではありません
生徒の個人名は様式３号になります</t>
        </r>
      </text>
    </comment>
  </commentList>
</comments>
</file>

<file path=xl/sharedStrings.xml><?xml version="1.0" encoding="utf-8"?>
<sst xmlns="http://schemas.openxmlformats.org/spreadsheetml/2006/main" count="29" uniqueCount="23">
  <si>
    <t>兵庫県高等学校教育研究会工業部会</t>
  </si>
  <si>
    <t>工業技術顕彰制度運営委員会</t>
    <rPh sb="0" eb="2">
      <t>コウギョウ</t>
    </rPh>
    <rPh sb="2" eb="4">
      <t>ギジュツ</t>
    </rPh>
    <rPh sb="4" eb="6">
      <t>ケンショウ</t>
    </rPh>
    <rPh sb="6" eb="8">
      <t>セイド</t>
    </rPh>
    <rPh sb="8" eb="10">
      <t>ウンエイ</t>
    </rPh>
    <rPh sb="10" eb="13">
      <t>イインカイ</t>
    </rPh>
    <phoneticPr fontId="1"/>
  </si>
  <si>
    <t>記載責任者</t>
    <rPh sb="0" eb="2">
      <t>キサイ</t>
    </rPh>
    <rPh sb="2" eb="5">
      <t>セキニンシャ</t>
    </rPh>
    <phoneticPr fontId="1"/>
  </si>
  <si>
    <t>　職　氏名</t>
    <rPh sb="1" eb="2">
      <t>ショク</t>
    </rPh>
    <rPh sb="3" eb="5">
      <t>シメイ</t>
    </rPh>
    <phoneticPr fontId="1"/>
  </si>
  <si>
    <t>印</t>
    <rPh sb="0" eb="1">
      <t>イン</t>
    </rPh>
    <phoneticPr fontId="1"/>
  </si>
  <si>
    <t>学　校　名</t>
    <rPh sb="0" eb="1">
      <t>ガク</t>
    </rPh>
    <rPh sb="2" eb="3">
      <t>コウ</t>
    </rPh>
    <rPh sb="4" eb="5">
      <t>メイ</t>
    </rPh>
    <phoneticPr fontId="1"/>
  </si>
  <si>
    <t>校　長　名</t>
    <rPh sb="0" eb="1">
      <t>コウ</t>
    </rPh>
    <rPh sb="2" eb="3">
      <t>チョウ</t>
    </rPh>
    <rPh sb="4" eb="5">
      <t>メイ</t>
    </rPh>
    <phoneticPr fontId="1"/>
  </si>
  <si>
    <t>顕彰候補者</t>
  </si>
  <si>
    <t>顕彰候補者数</t>
  </si>
  <si>
    <t>工業技術顕彰該当者推薦書</t>
    <phoneticPr fontId="1"/>
  </si>
  <si>
    <t>顕彰( 金賞 )候補者</t>
  </si>
  <si>
    <t>顕彰( 銀賞 )候補者</t>
  </si>
  <si>
    <t>学 科 名</t>
  </si>
  <si>
    <t>合 計 数</t>
  </si>
  <si>
    <t>　標記のことについて、工業技術顕彰制度実施要項の第３条により、資格等の取得を証する</t>
    <phoneticPr fontId="1"/>
  </si>
  <si>
    <t>書類の確認を致しましたので、様式第１号により顕彰候補者として推薦します。</t>
    <phoneticPr fontId="1"/>
  </si>
  <si>
    <t>（　公　印　省　略　）</t>
    <rPh sb="2" eb="3">
      <t>コウ</t>
    </rPh>
    <rPh sb="4" eb="5">
      <t>イン</t>
    </rPh>
    <rPh sb="6" eb="7">
      <t>ショウ</t>
    </rPh>
    <rPh sb="8" eb="9">
      <t>リャク</t>
    </rPh>
    <phoneticPr fontId="1"/>
  </si>
  <si>
    <t>高第　　　　号</t>
    <rPh sb="0" eb="1">
      <t>コウ</t>
    </rPh>
    <rPh sb="1" eb="2">
      <t>ダイ</t>
    </rPh>
    <rPh sb="6" eb="7">
      <t>ゴウ</t>
    </rPh>
    <phoneticPr fontId="1"/>
  </si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委 員 長  　藤　川　弘　起　　様</t>
    <phoneticPr fontId="1"/>
  </si>
  <si>
    <t>委 員 長  　東　濱　善　通　　様</t>
    <rPh sb="8" eb="9">
      <t>ヒガシ</t>
    </rPh>
    <rPh sb="10" eb="11">
      <t>ハマ</t>
    </rPh>
    <rPh sb="12" eb="13">
      <t>ヨシ</t>
    </rPh>
    <rPh sb="14" eb="15">
      <t>ツウ</t>
    </rPh>
    <rPh sb="17" eb="18">
      <t>サマ</t>
    </rPh>
    <phoneticPr fontId="1"/>
  </si>
  <si>
    <t>委 員 長  　山　内　拓　也　　様</t>
    <rPh sb="0" eb="1">
      <t>イ</t>
    </rPh>
    <rPh sb="2" eb="3">
      <t>イン</t>
    </rPh>
    <rPh sb="4" eb="5">
      <t>チョウ</t>
    </rPh>
    <rPh sb="17" eb="18">
      <t>サマ</t>
    </rPh>
    <phoneticPr fontId="1"/>
  </si>
  <si>
    <t>令和８年度　顕彰生徒候補者の推薦について</t>
    <rPh sb="0" eb="2">
      <t>レイワ</t>
    </rPh>
    <rPh sb="3" eb="5">
      <t>ネンド</t>
    </rPh>
    <rPh sb="4" eb="5">
      <t>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6"/>
      <name val="ＭＳ 明朝"/>
      <family val="1"/>
      <charset val="128"/>
    </font>
    <font>
      <sz val="12"/>
      <color indexed="81"/>
      <name val="ＭＳ Ｐゴシック"/>
      <family val="3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8">
    <xf numFmtId="0" fontId="0" fillId="0" borderId="0" xfId="0">
      <alignment vertical="center"/>
    </xf>
    <xf numFmtId="0" fontId="0" fillId="0" borderId="0" xfId="0" applyFont="1" applyFill="1" applyAlignment="1">
      <alignment horizontal="left" vertical="center"/>
    </xf>
    <xf numFmtId="0" fontId="0" fillId="0" borderId="0" xfId="0" applyFont="1" applyFill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>
      <alignment vertical="center"/>
    </xf>
    <xf numFmtId="0" fontId="2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vertical="center"/>
    </xf>
    <xf numFmtId="0" fontId="2" fillId="0" borderId="0" xfId="0" applyFont="1" applyFill="1" applyAlignment="1">
      <alignment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horizontal="center" vertical="center" shrinkToFit="1"/>
    </xf>
    <xf numFmtId="0" fontId="5" fillId="0" borderId="1" xfId="0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Fill="1" applyAlignment="1">
      <alignment horizontal="right" vertical="center" indent="1"/>
    </xf>
    <xf numFmtId="0" fontId="3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FF66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81000</xdr:colOff>
      <xdr:row>10</xdr:row>
      <xdr:rowOff>114298</xdr:rowOff>
    </xdr:from>
    <xdr:to>
      <xdr:col>16</xdr:col>
      <xdr:colOff>514350</xdr:colOff>
      <xdr:row>14</xdr:row>
      <xdr:rowOff>142875</xdr:rowOff>
    </xdr:to>
    <xdr:sp macro="" textlink="">
      <xdr:nvSpPr>
        <xdr:cNvPr id="2" name="角丸四角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6962775" y="2590798"/>
          <a:ext cx="4248150" cy="1152527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200"/>
            <a:t>　申請書類について　</a:t>
          </a:r>
          <a:endParaRPr kumimoji="1" lang="en-US" altLang="ja-JP" sz="1200"/>
        </a:p>
        <a:p>
          <a:pPr algn="l"/>
          <a:endParaRPr kumimoji="1" lang="en-US" altLang="ja-JP" sz="1200"/>
        </a:p>
        <a:p>
          <a:pPr algn="l"/>
          <a:r>
            <a:rPr kumimoji="1" lang="ja-JP" altLang="en-US" sz="1200"/>
            <a:t>　前期申請（７月）</a:t>
          </a:r>
          <a:endParaRPr kumimoji="1" lang="en-US" altLang="ja-JP" sz="1200"/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/>
            <a:t>　　電子データで提出して下さい</a:t>
          </a:r>
          <a:endParaRPr kumimoji="1" lang="en-US" altLang="ja-JP" sz="1200"/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 b="0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+mn-lt"/>
              <a:ea typeface="+mn-ea"/>
              <a:cs typeface="+mn-cs"/>
            </a:rPr>
            <a:t>　　</a:t>
          </a:r>
          <a:endParaRPr kumimoji="1" lang="en-US" altLang="ja-JP" sz="12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2"/>
  <dimension ref="A1:J52"/>
  <sheetViews>
    <sheetView tabSelected="1" topLeftCell="A22" zoomScaleSheetLayoutView="120" workbookViewId="0">
      <selection activeCell="F8" sqref="F8"/>
    </sheetView>
  </sheetViews>
  <sheetFormatPr defaultColWidth="9" defaultRowHeight="20.100000000000001" customHeight="1" x14ac:dyDescent="0.15"/>
  <cols>
    <col min="1" max="1" width="8.25" style="1" customWidth="1"/>
    <col min="2" max="2" width="9.5" style="2" customWidth="1"/>
    <col min="3" max="3" width="12.875" style="2" customWidth="1"/>
    <col min="4" max="4" width="1.75" style="2" customWidth="1"/>
    <col min="5" max="5" width="9.5" style="2" customWidth="1"/>
    <col min="6" max="6" width="12.875" style="2" customWidth="1"/>
    <col min="7" max="7" width="2" style="2" customWidth="1"/>
    <col min="8" max="8" width="9.5" style="2" customWidth="1"/>
    <col min="9" max="9" width="12.875" style="2" customWidth="1"/>
    <col min="10" max="10" width="7.25" style="2" customWidth="1"/>
    <col min="11" max="16384" width="9" style="2"/>
  </cols>
  <sheetData>
    <row r="1" spans="1:10" ht="20.100000000000001" customHeight="1" x14ac:dyDescent="0.15">
      <c r="H1" s="13" t="s">
        <v>16</v>
      </c>
      <c r="I1" s="13"/>
      <c r="J1" s="13"/>
    </row>
    <row r="2" spans="1:10" ht="20.100000000000001" customHeight="1" x14ac:dyDescent="0.15">
      <c r="H2" s="13" t="s">
        <v>17</v>
      </c>
      <c r="I2" s="13"/>
      <c r="J2" s="13"/>
    </row>
    <row r="3" spans="1:10" ht="20.100000000000001" customHeight="1" x14ac:dyDescent="0.15">
      <c r="A3" s="3"/>
      <c r="B3" s="4"/>
      <c r="C3" s="4"/>
      <c r="D3" s="4"/>
      <c r="E3" s="4"/>
      <c r="F3" s="4"/>
      <c r="G3" s="4"/>
      <c r="H3" s="13" t="s">
        <v>18</v>
      </c>
      <c r="I3" s="13"/>
      <c r="J3" s="13"/>
    </row>
    <row r="4" spans="1:10" ht="20.100000000000001" customHeight="1" x14ac:dyDescent="0.15">
      <c r="A4" s="3"/>
      <c r="B4" s="4"/>
      <c r="C4" s="4"/>
      <c r="D4" s="4"/>
      <c r="E4" s="4"/>
      <c r="F4" s="4"/>
      <c r="G4" s="4"/>
      <c r="H4" s="4"/>
      <c r="I4" s="4"/>
      <c r="J4" s="4"/>
    </row>
    <row r="5" spans="1:10" ht="20.100000000000001" customHeight="1" x14ac:dyDescent="0.15">
      <c r="A5" s="14" t="s">
        <v>9</v>
      </c>
      <c r="B5" s="14"/>
      <c r="C5" s="14"/>
      <c r="D5" s="14"/>
      <c r="E5" s="14"/>
      <c r="F5" s="14"/>
      <c r="G5" s="14"/>
      <c r="H5" s="14"/>
      <c r="I5" s="14"/>
      <c r="J5" s="14"/>
    </row>
    <row r="6" spans="1:10" ht="20.100000000000001" customHeight="1" x14ac:dyDescent="0.15">
      <c r="A6" s="3"/>
      <c r="B6" s="4"/>
      <c r="C6" s="4"/>
      <c r="D6" s="4"/>
      <c r="E6" s="4"/>
      <c r="F6" s="4"/>
      <c r="G6" s="4"/>
      <c r="H6" s="4"/>
      <c r="I6" s="4"/>
      <c r="J6" s="4"/>
    </row>
    <row r="7" spans="1:10" ht="20.100000000000001" customHeight="1" x14ac:dyDescent="0.15">
      <c r="A7" s="16" t="s">
        <v>0</v>
      </c>
      <c r="B7" s="16"/>
      <c r="C7" s="16"/>
      <c r="D7" s="16"/>
      <c r="E7" s="16"/>
      <c r="F7" s="4"/>
      <c r="G7" s="4"/>
      <c r="H7" s="4"/>
      <c r="I7" s="4"/>
      <c r="J7" s="4"/>
    </row>
    <row r="8" spans="1:10" ht="20.100000000000001" customHeight="1" x14ac:dyDescent="0.15">
      <c r="A8" s="16" t="s">
        <v>1</v>
      </c>
      <c r="B8" s="16"/>
      <c r="C8" s="16"/>
      <c r="D8" s="16"/>
      <c r="E8" s="16"/>
      <c r="F8" s="4"/>
      <c r="G8" s="4"/>
      <c r="H8" s="4"/>
      <c r="I8" s="4"/>
      <c r="J8" s="4"/>
    </row>
    <row r="9" spans="1:10" ht="20.100000000000001" customHeight="1" x14ac:dyDescent="0.15">
      <c r="A9" s="16" t="s">
        <v>19</v>
      </c>
      <c r="B9" s="16"/>
      <c r="C9" s="16"/>
      <c r="D9" s="16"/>
      <c r="E9" s="16"/>
      <c r="F9" s="4"/>
      <c r="G9" s="4"/>
      <c r="H9" s="4"/>
      <c r="I9" s="4"/>
      <c r="J9" s="4"/>
    </row>
    <row r="10" spans="1:10" ht="20.100000000000001" customHeight="1" x14ac:dyDescent="0.15">
      <c r="A10" s="16" t="s">
        <v>20</v>
      </c>
      <c r="B10" s="16"/>
      <c r="C10" s="16"/>
      <c r="D10" s="16"/>
      <c r="E10" s="16"/>
      <c r="F10" s="4"/>
      <c r="G10" s="4"/>
      <c r="H10" s="4"/>
      <c r="I10" s="4"/>
      <c r="J10" s="4"/>
    </row>
    <row r="11" spans="1:10" ht="20.100000000000001" customHeight="1" x14ac:dyDescent="0.15">
      <c r="A11" s="17" t="s">
        <v>21</v>
      </c>
      <c r="B11" s="17"/>
      <c r="C11" s="17"/>
      <c r="D11" s="17"/>
      <c r="E11" s="17"/>
      <c r="F11" s="4"/>
      <c r="G11" s="4"/>
      <c r="H11" s="4"/>
      <c r="I11" s="4"/>
      <c r="J11" s="4"/>
    </row>
    <row r="12" spans="1:10" ht="20.100000000000001" customHeight="1" x14ac:dyDescent="0.15">
      <c r="A12" s="3"/>
      <c r="B12" s="4"/>
      <c r="C12" s="4"/>
      <c r="D12" s="4"/>
      <c r="E12" s="4"/>
      <c r="F12" s="4" t="s">
        <v>5</v>
      </c>
      <c r="G12" s="4"/>
      <c r="H12" s="15"/>
      <c r="I12" s="15"/>
      <c r="J12" s="15"/>
    </row>
    <row r="13" spans="1:10" ht="30" customHeight="1" x14ac:dyDescent="0.15">
      <c r="A13" s="3"/>
      <c r="B13" s="4"/>
      <c r="C13" s="4"/>
      <c r="D13" s="4"/>
      <c r="E13" s="4"/>
      <c r="F13" s="4" t="s">
        <v>6</v>
      </c>
      <c r="G13" s="4"/>
      <c r="H13" s="15"/>
      <c r="I13" s="15"/>
      <c r="J13" s="15"/>
    </row>
    <row r="14" spans="1:10" ht="20.100000000000001" customHeight="1" x14ac:dyDescent="0.15">
      <c r="A14" s="3"/>
      <c r="B14" s="4"/>
      <c r="C14" s="4"/>
      <c r="D14" s="4"/>
      <c r="E14" s="4"/>
      <c r="F14" s="4"/>
      <c r="G14" s="4"/>
      <c r="H14" s="4"/>
      <c r="I14" s="4"/>
      <c r="J14" s="4"/>
    </row>
    <row r="15" spans="1:10" ht="20.100000000000001" customHeight="1" x14ac:dyDescent="0.15">
      <c r="A15" s="3"/>
      <c r="B15" s="4"/>
      <c r="C15" s="4"/>
      <c r="D15" s="4"/>
      <c r="E15" s="4"/>
      <c r="F15" s="4" t="s">
        <v>2</v>
      </c>
      <c r="G15" s="4"/>
      <c r="H15" s="4"/>
      <c r="I15" s="4"/>
      <c r="J15" s="4"/>
    </row>
    <row r="16" spans="1:10" ht="20.100000000000001" customHeight="1" x14ac:dyDescent="0.15">
      <c r="A16" s="3"/>
      <c r="B16" s="4"/>
      <c r="C16" s="4"/>
      <c r="D16" s="4"/>
      <c r="E16" s="4"/>
      <c r="F16" s="4" t="s">
        <v>3</v>
      </c>
      <c r="G16" s="4"/>
      <c r="H16" s="4"/>
      <c r="I16" s="4"/>
      <c r="J16" s="5" t="s">
        <v>4</v>
      </c>
    </row>
    <row r="17" spans="1:10" ht="20.100000000000001" customHeight="1" x14ac:dyDescent="0.15">
      <c r="A17" s="3"/>
      <c r="B17" s="4"/>
      <c r="C17" s="4"/>
      <c r="D17" s="4"/>
      <c r="E17" s="4"/>
      <c r="F17" s="4"/>
      <c r="G17" s="4"/>
      <c r="H17" s="4"/>
      <c r="I17" s="4"/>
      <c r="J17" s="4"/>
    </row>
    <row r="18" spans="1:10" ht="20.100000000000001" customHeight="1" x14ac:dyDescent="0.15">
      <c r="A18" s="3"/>
      <c r="B18" s="4"/>
      <c r="C18" s="4"/>
      <c r="D18" s="4"/>
      <c r="E18" s="4"/>
      <c r="F18" s="4"/>
      <c r="G18" s="4"/>
      <c r="H18" s="4"/>
      <c r="I18" s="4"/>
      <c r="J18" s="4"/>
    </row>
    <row r="19" spans="1:10" ht="20.100000000000001" customHeight="1" x14ac:dyDescent="0.15">
      <c r="A19" s="15" t="s">
        <v>22</v>
      </c>
      <c r="B19" s="15"/>
      <c r="C19" s="15"/>
      <c r="D19" s="15"/>
      <c r="E19" s="15"/>
      <c r="F19" s="15"/>
      <c r="G19" s="15"/>
      <c r="H19" s="15"/>
      <c r="I19" s="15"/>
      <c r="J19" s="15"/>
    </row>
    <row r="20" spans="1:10" ht="20.100000000000001" customHeight="1" x14ac:dyDescent="0.15">
      <c r="A20" s="3"/>
      <c r="B20" s="4"/>
      <c r="C20" s="4"/>
      <c r="D20" s="4"/>
      <c r="E20" s="4"/>
      <c r="F20" s="4"/>
      <c r="G20" s="4"/>
      <c r="H20" s="4"/>
      <c r="I20" s="4"/>
      <c r="J20" s="4"/>
    </row>
    <row r="21" spans="1:10" ht="20.100000000000001" customHeight="1" x14ac:dyDescent="0.15">
      <c r="A21" s="6" t="s">
        <v>14</v>
      </c>
      <c r="B21" s="7"/>
      <c r="C21" s="7"/>
      <c r="D21" s="7"/>
      <c r="E21" s="7"/>
      <c r="F21" s="7"/>
      <c r="G21" s="7"/>
      <c r="H21" s="7"/>
      <c r="I21" s="7"/>
      <c r="J21" s="7"/>
    </row>
    <row r="22" spans="1:10" ht="20.100000000000001" customHeight="1" x14ac:dyDescent="0.15">
      <c r="A22" s="3" t="s">
        <v>15</v>
      </c>
      <c r="B22" s="4"/>
      <c r="C22" s="4"/>
      <c r="D22" s="4"/>
      <c r="E22" s="4"/>
      <c r="F22" s="4"/>
      <c r="G22" s="4"/>
      <c r="H22" s="4"/>
      <c r="I22" s="4"/>
      <c r="J22" s="4"/>
    </row>
    <row r="23" spans="1:10" ht="20.100000000000001" customHeight="1" x14ac:dyDescent="0.15">
      <c r="A23" s="3"/>
      <c r="B23" s="4"/>
      <c r="C23" s="4"/>
      <c r="D23" s="4"/>
      <c r="E23" s="4"/>
      <c r="F23" s="4"/>
      <c r="G23" s="4"/>
      <c r="H23" s="4"/>
      <c r="I23" s="4"/>
      <c r="J23" s="4"/>
    </row>
    <row r="24" spans="1:10" ht="20.100000000000001" customHeight="1" x14ac:dyDescent="0.15">
      <c r="A24" s="3"/>
      <c r="B24" s="4"/>
      <c r="C24" s="4"/>
      <c r="D24" s="4"/>
      <c r="E24" s="4"/>
      <c r="F24" s="4"/>
      <c r="G24" s="4"/>
      <c r="H24" s="4"/>
      <c r="I24" s="4"/>
      <c r="J24" s="4"/>
    </row>
    <row r="25" spans="1:10" ht="20.100000000000001" customHeight="1" x14ac:dyDescent="0.15">
      <c r="A25" s="3"/>
      <c r="B25" s="11" t="s">
        <v>10</v>
      </c>
      <c r="C25" s="11"/>
      <c r="D25" s="12"/>
      <c r="E25" s="11" t="s">
        <v>11</v>
      </c>
      <c r="F25" s="11"/>
      <c r="G25" s="12"/>
      <c r="H25" s="11" t="s">
        <v>7</v>
      </c>
      <c r="I25" s="11"/>
      <c r="J25" s="4"/>
    </row>
    <row r="26" spans="1:10" ht="20.100000000000001" customHeight="1" x14ac:dyDescent="0.15">
      <c r="A26" s="3"/>
      <c r="B26" s="8" t="s">
        <v>12</v>
      </c>
      <c r="C26" s="10" t="s">
        <v>8</v>
      </c>
      <c r="D26" s="12"/>
      <c r="E26" s="8" t="s">
        <v>12</v>
      </c>
      <c r="F26" s="10" t="s">
        <v>8</v>
      </c>
      <c r="G26" s="12"/>
      <c r="H26" s="8" t="s">
        <v>12</v>
      </c>
      <c r="I26" s="10" t="s">
        <v>8</v>
      </c>
      <c r="J26" s="4"/>
    </row>
    <row r="27" spans="1:10" ht="20.100000000000001" customHeight="1" x14ac:dyDescent="0.15">
      <c r="A27" s="3"/>
      <c r="B27" s="9"/>
      <c r="C27" s="8"/>
      <c r="D27" s="12"/>
      <c r="E27" s="9"/>
      <c r="F27" s="8"/>
      <c r="G27" s="12"/>
      <c r="H27" s="9"/>
      <c r="I27" s="8"/>
      <c r="J27" s="4"/>
    </row>
    <row r="28" spans="1:10" ht="20.100000000000001" customHeight="1" x14ac:dyDescent="0.15">
      <c r="A28" s="3"/>
      <c r="B28" s="9"/>
      <c r="C28" s="8"/>
      <c r="D28" s="12"/>
      <c r="E28" s="9"/>
      <c r="F28" s="8"/>
      <c r="G28" s="12"/>
      <c r="H28" s="9"/>
      <c r="I28" s="8"/>
      <c r="J28" s="4"/>
    </row>
    <row r="29" spans="1:10" ht="20.100000000000001" customHeight="1" x14ac:dyDescent="0.15">
      <c r="A29" s="3"/>
      <c r="B29" s="9"/>
      <c r="C29" s="8"/>
      <c r="D29" s="12"/>
      <c r="E29" s="9"/>
      <c r="F29" s="8"/>
      <c r="G29" s="12"/>
      <c r="H29" s="9"/>
      <c r="I29" s="8"/>
      <c r="J29" s="4"/>
    </row>
    <row r="30" spans="1:10" ht="20.100000000000001" customHeight="1" x14ac:dyDescent="0.15">
      <c r="A30" s="3"/>
      <c r="B30" s="9"/>
      <c r="C30" s="8"/>
      <c r="D30" s="12"/>
      <c r="E30" s="9"/>
      <c r="F30" s="8"/>
      <c r="G30" s="12"/>
      <c r="H30" s="9"/>
      <c r="I30" s="8"/>
      <c r="J30" s="4"/>
    </row>
    <row r="31" spans="1:10" ht="20.100000000000001" customHeight="1" x14ac:dyDescent="0.15">
      <c r="A31" s="3"/>
      <c r="B31" s="9"/>
      <c r="C31" s="8"/>
      <c r="D31" s="12"/>
      <c r="E31" s="9"/>
      <c r="F31" s="8"/>
      <c r="G31" s="12"/>
      <c r="H31" s="9"/>
      <c r="I31" s="8"/>
      <c r="J31" s="4"/>
    </row>
    <row r="32" spans="1:10" ht="20.100000000000001" customHeight="1" x14ac:dyDescent="0.15">
      <c r="A32" s="3"/>
      <c r="B32" s="9"/>
      <c r="C32" s="8"/>
      <c r="D32" s="12"/>
      <c r="E32" s="9"/>
      <c r="F32" s="8"/>
      <c r="G32" s="12"/>
      <c r="H32" s="9"/>
      <c r="I32" s="8"/>
      <c r="J32" s="4"/>
    </row>
    <row r="33" spans="1:10" ht="20.100000000000001" customHeight="1" x14ac:dyDescent="0.15">
      <c r="A33" s="3"/>
      <c r="B33" s="9"/>
      <c r="C33" s="8"/>
      <c r="D33" s="12"/>
      <c r="E33" s="9"/>
      <c r="F33" s="8"/>
      <c r="G33" s="12"/>
      <c r="H33" s="9"/>
      <c r="I33" s="8"/>
      <c r="J33" s="4"/>
    </row>
    <row r="34" spans="1:10" ht="20.100000000000001" customHeight="1" x14ac:dyDescent="0.15">
      <c r="A34" s="3"/>
      <c r="B34" s="9"/>
      <c r="C34" s="8"/>
      <c r="D34" s="12"/>
      <c r="E34" s="9"/>
      <c r="F34" s="8"/>
      <c r="G34" s="12"/>
      <c r="H34" s="9"/>
      <c r="I34" s="8"/>
      <c r="J34" s="4"/>
    </row>
    <row r="35" spans="1:10" ht="20.100000000000001" customHeight="1" x14ac:dyDescent="0.15">
      <c r="A35" s="3"/>
      <c r="B35" s="9"/>
      <c r="C35" s="8"/>
      <c r="D35" s="12"/>
      <c r="E35" s="9"/>
      <c r="F35" s="8"/>
      <c r="G35" s="12"/>
      <c r="H35" s="9"/>
      <c r="I35" s="8"/>
      <c r="J35" s="4"/>
    </row>
    <row r="36" spans="1:10" ht="20.100000000000001" customHeight="1" x14ac:dyDescent="0.15">
      <c r="A36" s="3"/>
      <c r="B36" s="9"/>
      <c r="C36" s="8"/>
      <c r="D36" s="12"/>
      <c r="E36" s="9"/>
      <c r="F36" s="8"/>
      <c r="G36" s="12"/>
      <c r="H36" s="9"/>
      <c r="I36" s="8"/>
      <c r="J36" s="4"/>
    </row>
    <row r="37" spans="1:10" ht="20.100000000000001" customHeight="1" x14ac:dyDescent="0.15">
      <c r="A37" s="3"/>
      <c r="B37" s="9"/>
      <c r="C37" s="8"/>
      <c r="D37" s="12"/>
      <c r="E37" s="9"/>
      <c r="F37" s="8"/>
      <c r="G37" s="12"/>
      <c r="H37" s="9"/>
      <c r="I37" s="8"/>
      <c r="J37" s="4"/>
    </row>
    <row r="38" spans="1:10" ht="20.100000000000001" customHeight="1" x14ac:dyDescent="0.15">
      <c r="A38" s="3"/>
      <c r="B38" s="8" t="s">
        <v>13</v>
      </c>
      <c r="C38" s="8" t="str">
        <f>IF(COUNT(C27:C37)=0,"",SUM(C27:C37))</f>
        <v/>
      </c>
      <c r="D38" s="12"/>
      <c r="E38" s="8" t="s">
        <v>13</v>
      </c>
      <c r="F38" s="8" t="str">
        <f>IF(COUNT(F27:F37)=0,"",SUM(F27:F37))</f>
        <v/>
      </c>
      <c r="G38" s="12"/>
      <c r="H38" s="8" t="s">
        <v>13</v>
      </c>
      <c r="I38" s="8" t="str">
        <f>IF(COUNT(I27:I37)=0,"",SUM(I27:I37))</f>
        <v/>
      </c>
      <c r="J38" s="4"/>
    </row>
    <row r="39" spans="1:10" ht="20.100000000000001" customHeight="1" x14ac:dyDescent="0.15">
      <c r="A39" s="3"/>
      <c r="B39" s="4"/>
      <c r="C39" s="4"/>
      <c r="D39" s="4"/>
      <c r="E39" s="4"/>
      <c r="F39" s="4"/>
      <c r="G39" s="4"/>
      <c r="H39" s="4"/>
      <c r="I39" s="4"/>
      <c r="J39" s="4"/>
    </row>
    <row r="40" spans="1:10" ht="20.100000000000001" customHeight="1" x14ac:dyDescent="0.15">
      <c r="A40" s="3"/>
      <c r="B40" s="4"/>
      <c r="C40" s="4"/>
      <c r="D40" s="4"/>
      <c r="E40" s="4"/>
      <c r="F40" s="4"/>
      <c r="G40" s="4"/>
      <c r="H40" s="4"/>
      <c r="I40" s="4"/>
      <c r="J40" s="4"/>
    </row>
    <row r="41" spans="1:10" ht="20.100000000000001" customHeight="1" x14ac:dyDescent="0.15">
      <c r="A41" s="3"/>
      <c r="B41" s="4"/>
      <c r="C41" s="4"/>
      <c r="D41" s="4"/>
      <c r="E41" s="4"/>
      <c r="F41" s="4"/>
      <c r="G41" s="4"/>
      <c r="H41" s="4"/>
      <c r="I41" s="4"/>
      <c r="J41" s="4"/>
    </row>
    <row r="42" spans="1:10" ht="20.100000000000001" customHeight="1" x14ac:dyDescent="0.15">
      <c r="A42" s="3"/>
      <c r="B42" s="4"/>
      <c r="C42" s="4"/>
      <c r="D42" s="4"/>
      <c r="E42" s="4"/>
      <c r="F42" s="4"/>
      <c r="G42" s="4"/>
      <c r="H42" s="4"/>
      <c r="I42" s="4"/>
      <c r="J42" s="4"/>
    </row>
    <row r="43" spans="1:10" ht="20.100000000000001" customHeight="1" x14ac:dyDescent="0.15">
      <c r="A43" s="3"/>
      <c r="B43" s="4"/>
      <c r="C43" s="4"/>
      <c r="D43" s="4"/>
      <c r="E43" s="4"/>
      <c r="F43" s="4"/>
      <c r="G43" s="4"/>
      <c r="H43" s="4"/>
      <c r="I43" s="4"/>
      <c r="J43" s="4"/>
    </row>
    <row r="44" spans="1:10" ht="20.100000000000001" customHeight="1" x14ac:dyDescent="0.15">
      <c r="A44" s="3"/>
      <c r="B44" s="4"/>
      <c r="C44" s="4"/>
      <c r="D44" s="4"/>
      <c r="E44" s="4"/>
      <c r="F44" s="4"/>
      <c r="G44" s="4"/>
      <c r="H44" s="4"/>
      <c r="I44" s="4"/>
      <c r="J44" s="4"/>
    </row>
    <row r="45" spans="1:10" ht="20.100000000000001" customHeight="1" x14ac:dyDescent="0.15">
      <c r="A45" s="3"/>
      <c r="B45" s="4"/>
      <c r="C45" s="4"/>
      <c r="D45" s="4"/>
      <c r="E45" s="4"/>
      <c r="F45" s="4"/>
      <c r="G45" s="4"/>
      <c r="H45" s="4"/>
      <c r="I45" s="4"/>
      <c r="J45" s="4"/>
    </row>
    <row r="46" spans="1:10" ht="20.100000000000001" customHeight="1" x14ac:dyDescent="0.15">
      <c r="A46" s="3"/>
      <c r="B46" s="4"/>
      <c r="C46" s="4"/>
      <c r="D46" s="4"/>
      <c r="E46" s="4"/>
      <c r="F46" s="4"/>
      <c r="G46" s="4"/>
      <c r="H46" s="4"/>
      <c r="I46" s="4"/>
      <c r="J46" s="4"/>
    </row>
    <row r="47" spans="1:10" ht="20.100000000000001" customHeight="1" x14ac:dyDescent="0.15">
      <c r="A47" s="3"/>
      <c r="B47" s="4"/>
      <c r="C47" s="4"/>
      <c r="D47" s="4"/>
      <c r="E47" s="4"/>
      <c r="F47" s="4"/>
      <c r="G47" s="4"/>
      <c r="H47" s="4"/>
      <c r="I47" s="4"/>
      <c r="J47" s="4"/>
    </row>
    <row r="48" spans="1:10" ht="20.100000000000001" customHeight="1" x14ac:dyDescent="0.15">
      <c r="A48" s="3"/>
      <c r="B48" s="4"/>
      <c r="C48" s="4"/>
      <c r="D48" s="4"/>
      <c r="E48" s="4"/>
      <c r="F48" s="4"/>
      <c r="G48" s="4"/>
      <c r="H48" s="4"/>
      <c r="I48" s="4"/>
      <c r="J48" s="4"/>
    </row>
    <row r="49" spans="1:10" ht="20.100000000000001" customHeight="1" x14ac:dyDescent="0.15">
      <c r="A49" s="3"/>
      <c r="B49" s="4"/>
      <c r="C49" s="4"/>
      <c r="D49" s="4"/>
      <c r="E49" s="4"/>
      <c r="F49" s="4"/>
      <c r="G49" s="4"/>
      <c r="H49" s="4"/>
      <c r="I49" s="4"/>
      <c r="J49" s="4"/>
    </row>
    <row r="50" spans="1:10" ht="20.100000000000001" customHeight="1" x14ac:dyDescent="0.15">
      <c r="A50" s="3"/>
      <c r="B50" s="4"/>
      <c r="C50" s="4"/>
      <c r="D50" s="4"/>
      <c r="E50" s="4"/>
      <c r="F50" s="4"/>
      <c r="G50" s="4"/>
      <c r="H50" s="4"/>
      <c r="I50" s="4"/>
      <c r="J50" s="4"/>
    </row>
    <row r="51" spans="1:10" ht="20.100000000000001" customHeight="1" x14ac:dyDescent="0.15">
      <c r="A51" s="3"/>
      <c r="B51" s="4"/>
      <c r="C51" s="4"/>
      <c r="D51" s="4"/>
      <c r="E51" s="4"/>
      <c r="F51" s="4"/>
      <c r="G51" s="4"/>
      <c r="H51" s="4"/>
      <c r="I51" s="4"/>
      <c r="J51" s="4"/>
    </row>
    <row r="52" spans="1:10" ht="20.100000000000001" customHeight="1" x14ac:dyDescent="0.15">
      <c r="A52" s="3"/>
      <c r="B52" s="4"/>
      <c r="C52" s="4"/>
      <c r="D52" s="4"/>
      <c r="E52" s="4"/>
      <c r="F52" s="4"/>
      <c r="G52" s="4"/>
      <c r="H52" s="4"/>
      <c r="I52" s="4"/>
      <c r="J52" s="4"/>
    </row>
  </sheetData>
  <mergeCells count="17">
    <mergeCell ref="H1:J1"/>
    <mergeCell ref="H3:J3"/>
    <mergeCell ref="H2:J2"/>
    <mergeCell ref="A5:J5"/>
    <mergeCell ref="A19:J19"/>
    <mergeCell ref="A8:E8"/>
    <mergeCell ref="A9:E9"/>
    <mergeCell ref="A10:E10"/>
    <mergeCell ref="A11:E11"/>
    <mergeCell ref="A7:E7"/>
    <mergeCell ref="H12:J12"/>
    <mergeCell ref="H13:J13"/>
    <mergeCell ref="B25:C25"/>
    <mergeCell ref="D25:D38"/>
    <mergeCell ref="E25:F25"/>
    <mergeCell ref="G25:G38"/>
    <mergeCell ref="H25:I25"/>
  </mergeCells>
  <phoneticPr fontId="1"/>
  <printOptions horizontalCentered="1"/>
  <pageMargins left="0.59055118110236227" right="0.59055118110236227" top="0.98425196850393704" bottom="0.78740157480314965" header="0.51181102362204722" footer="0.51181102362204722"/>
  <pageSetup paperSize="9" orientation="portrait" r:id="rId1"/>
  <headerFooter alignWithMargins="0">
    <oddHeader>&amp;L（様式第１号）</oddHeader>
  </headerFooter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</vt:lpstr>
      <vt:lpstr>様式１!Print_Area</vt:lpstr>
    </vt:vector>
  </TitlesOfParts>
  <Company>相生産業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波部　新</dc:creator>
  <cp:lastModifiedBy>笹城戸 直斗</cp:lastModifiedBy>
  <cp:lastPrinted>2026-06-23T08:00:11Z</cp:lastPrinted>
  <dcterms:created xsi:type="dcterms:W3CDTF">2003-05-20T04:37:38Z</dcterms:created>
  <dcterms:modified xsi:type="dcterms:W3CDTF">2026-06-23T08:01:41Z</dcterms:modified>
</cp:coreProperties>
</file>